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0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4-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4-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almelo/"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logo, Graphics&#10;&#10;Automatisch gegenereerde beschrijving">
            <a:extLst>
              <a:ext uri="{FF2B5EF4-FFF2-40B4-BE49-F238E27FC236}">
                <a16:creationId xmlns:a16="http://schemas.microsoft.com/office/drawing/2014/main" id="{B9954EE0-1DC4-8071-55DC-38F7A751D16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7577" y="4560888"/>
            <a:ext cx="2049462" cy="204946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AED36C90-8F34-863F-48F4-7E8B70A3E75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48929" y="3972910"/>
            <a:ext cx="1336138" cy="133613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7</cp:revision>
  <dcterms:created xsi:type="dcterms:W3CDTF">2019-07-30T10:24:44Z</dcterms:created>
  <dcterms:modified xsi:type="dcterms:W3CDTF">2024-11-14T13:14:56Z</dcterms:modified>
</cp:coreProperties>
</file>